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B1DF1D5" w14:textId="77777777" w:rsidR="00020201" w:rsidRPr="002717F7" w:rsidRDefault="00FA74D9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14:paraId="56D342A2" w14:textId="77777777" w:rsidR="00020201" w:rsidRPr="002717F7" w:rsidRDefault="00000000"/>
    <w:p w14:paraId="01B01AEB" w14:textId="404921B2" w:rsidR="00020201" w:rsidRPr="00586B1F" w:rsidRDefault="00FA74D9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DF0657" w:rsidRPr="00DF0657">
        <w:rPr>
          <w:sz w:val="22"/>
        </w:rPr>
        <w:t>Pricer Aktiebolag</w:t>
      </w:r>
      <w:r w:rsidRPr="00EC78CB">
        <w:rPr>
          <w:sz w:val="22"/>
        </w:rPr>
        <w:t xml:space="preserve">, org.nr </w:t>
      </w:r>
      <w:r w:rsidR="00DF0657" w:rsidRPr="00DF0657">
        <w:rPr>
          <w:sz w:val="22"/>
        </w:rPr>
        <w:t>556427-7993</w:t>
      </w:r>
      <w:r w:rsidRPr="00586B1F">
        <w:rPr>
          <w:sz w:val="22"/>
          <w:szCs w:val="22"/>
        </w:rPr>
        <w:t xml:space="preserve">, vid </w:t>
      </w:r>
      <w:r w:rsidR="00DF0657">
        <w:rPr>
          <w:sz w:val="22"/>
          <w:szCs w:val="22"/>
        </w:rPr>
        <w:t>extra bolagsstämma</w:t>
      </w:r>
      <w:r w:rsidRPr="00586B1F">
        <w:rPr>
          <w:sz w:val="22"/>
          <w:szCs w:val="22"/>
        </w:rPr>
        <w:t xml:space="preserve"> den </w:t>
      </w:r>
      <w:r w:rsidR="002661AA">
        <w:rPr>
          <w:sz w:val="22"/>
          <w:szCs w:val="22"/>
        </w:rPr>
        <w:t>8 augusti</w:t>
      </w:r>
      <w:r w:rsidR="00DF0657">
        <w:rPr>
          <w:sz w:val="22"/>
          <w:szCs w:val="22"/>
        </w:rPr>
        <w:t xml:space="preserve"> </w:t>
      </w:r>
      <w:r w:rsidR="0039268D">
        <w:rPr>
          <w:sz w:val="22"/>
          <w:szCs w:val="22"/>
        </w:rPr>
        <w:t>202</w:t>
      </w:r>
      <w:r w:rsidR="00A475ED">
        <w:rPr>
          <w:sz w:val="22"/>
          <w:szCs w:val="22"/>
        </w:rPr>
        <w:t>3</w:t>
      </w:r>
      <w:r w:rsidRPr="00586B1F">
        <w:rPr>
          <w:sz w:val="22"/>
          <w:szCs w:val="22"/>
        </w:rPr>
        <w:t>.</w:t>
      </w:r>
    </w:p>
    <w:p w14:paraId="5C056995" w14:textId="77777777" w:rsidR="00020201" w:rsidRPr="00B968E5" w:rsidRDefault="00000000">
      <w:pPr>
        <w:rPr>
          <w:sz w:val="22"/>
          <w:szCs w:val="22"/>
        </w:rPr>
      </w:pPr>
    </w:p>
    <w:p w14:paraId="56B06C85" w14:textId="77777777" w:rsidR="00020201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14:paraId="494010AB" w14:textId="77777777" w:rsidR="00020201" w:rsidRPr="00B968E5" w:rsidRDefault="00000000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14:paraId="13FEFB0D" w14:textId="77777777" w:rsidTr="00020201">
        <w:tc>
          <w:tcPr>
            <w:tcW w:w="4621" w:type="dxa"/>
            <w:shd w:val="clear" w:color="auto" w:fill="auto"/>
          </w:tcPr>
          <w:p w14:paraId="39CC4E9B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14:paraId="6DF06C05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3B6CE23E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5B304A0D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6695B348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14:paraId="180BB3D7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45F17D60" w14:textId="77777777" w:rsidTr="00020201">
        <w:tc>
          <w:tcPr>
            <w:tcW w:w="9243" w:type="dxa"/>
            <w:gridSpan w:val="2"/>
            <w:shd w:val="clear" w:color="auto" w:fill="auto"/>
          </w:tcPr>
          <w:p w14:paraId="37F1E130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14:paraId="5558C282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492AC76C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09315E0B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04DF0F7D" w14:textId="77777777" w:rsidTr="00020201">
        <w:tc>
          <w:tcPr>
            <w:tcW w:w="4621" w:type="dxa"/>
            <w:shd w:val="clear" w:color="auto" w:fill="auto"/>
          </w:tcPr>
          <w:p w14:paraId="5C639A40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14:paraId="742162F0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3FDD7B49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2ECF8127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699A82A4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6792C6BC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7C61E52E" w14:textId="77777777" w:rsidR="00020201" w:rsidRPr="00B968E5" w:rsidRDefault="00000000">
      <w:pPr>
        <w:rPr>
          <w:b/>
          <w:bCs/>
          <w:sz w:val="22"/>
          <w:szCs w:val="22"/>
        </w:rPr>
      </w:pPr>
    </w:p>
    <w:p w14:paraId="52A20D72" w14:textId="77777777" w:rsidR="00020201" w:rsidRPr="00B968E5" w:rsidRDefault="00000000">
      <w:pPr>
        <w:rPr>
          <w:b/>
          <w:bCs/>
          <w:sz w:val="22"/>
          <w:szCs w:val="22"/>
        </w:rPr>
      </w:pPr>
    </w:p>
    <w:p w14:paraId="2DEAB272" w14:textId="77777777" w:rsidR="00020201" w:rsidRPr="00B968E5" w:rsidRDefault="00FA74D9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14:paraId="1FCC85B3" w14:textId="77777777" w:rsidR="00020201" w:rsidRPr="00B968E5" w:rsidRDefault="00000000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14:paraId="1B8881CF" w14:textId="77777777" w:rsidTr="00020201">
        <w:tc>
          <w:tcPr>
            <w:tcW w:w="4621" w:type="dxa"/>
            <w:shd w:val="clear" w:color="auto" w:fill="auto"/>
          </w:tcPr>
          <w:p w14:paraId="0431E60B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14:paraId="0952E873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4CAC3CF2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06AB0076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693D5B99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14:paraId="71EFE747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14:paraId="77127702" w14:textId="77777777" w:rsidTr="00020201">
        <w:tc>
          <w:tcPr>
            <w:tcW w:w="4621" w:type="dxa"/>
            <w:shd w:val="clear" w:color="auto" w:fill="auto"/>
          </w:tcPr>
          <w:p w14:paraId="5EE8B525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14:paraId="207A2934" w14:textId="77777777" w:rsidR="00020201" w:rsidRPr="002717F7" w:rsidRDefault="00000000">
            <w:pPr>
              <w:rPr>
                <w:sz w:val="20"/>
                <w:szCs w:val="20"/>
              </w:rPr>
            </w:pPr>
          </w:p>
          <w:p w14:paraId="098B84CA" w14:textId="77777777" w:rsidR="00020201" w:rsidRPr="002717F7" w:rsidRDefault="00000000">
            <w:pPr>
              <w:rPr>
                <w:sz w:val="20"/>
                <w:szCs w:val="20"/>
              </w:rPr>
            </w:pPr>
          </w:p>
          <w:p w14:paraId="4871E524" w14:textId="77777777" w:rsidR="00020201" w:rsidRPr="002717F7" w:rsidRDefault="00000000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14:paraId="547072EA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14:paraId="78F556DE" w14:textId="77777777" w:rsidR="00020201" w:rsidRPr="002717F7" w:rsidRDefault="00000000">
            <w:pPr>
              <w:rPr>
                <w:sz w:val="20"/>
                <w:szCs w:val="20"/>
              </w:rPr>
            </w:pPr>
          </w:p>
        </w:tc>
      </w:tr>
      <w:tr w:rsidR="00304010" w14:paraId="5BA4A677" w14:textId="77777777" w:rsidTr="00020201">
        <w:tc>
          <w:tcPr>
            <w:tcW w:w="9243" w:type="dxa"/>
            <w:gridSpan w:val="2"/>
            <w:shd w:val="clear" w:color="auto" w:fill="auto"/>
          </w:tcPr>
          <w:p w14:paraId="1A6C8B61" w14:textId="77777777" w:rsidR="00020201" w:rsidRPr="002717F7" w:rsidRDefault="00FA74D9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14:paraId="512BC142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  <w:p w14:paraId="16A1E396" w14:textId="77777777" w:rsidR="00020201" w:rsidRPr="002717F7" w:rsidRDefault="00000000">
            <w:pPr>
              <w:rPr>
                <w:b/>
                <w:bCs/>
                <w:sz w:val="20"/>
                <w:szCs w:val="20"/>
              </w:rPr>
            </w:pPr>
          </w:p>
        </w:tc>
      </w:tr>
    </w:tbl>
    <w:p w14:paraId="56930D2E" w14:textId="77777777" w:rsidR="00020201" w:rsidRPr="00586B1F" w:rsidRDefault="005652B3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="00FA74D9" w:rsidRPr="00586B1F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="00FA74D9" w:rsidRPr="00586B1F">
        <w:rPr>
          <w:sz w:val="20"/>
          <w:szCs w:val="20"/>
        </w:rPr>
        <w:t xml:space="preserve">biläggas det ifyllda fullmaktsformuläret. </w:t>
      </w:r>
    </w:p>
    <w:p w14:paraId="626D7167" w14:textId="77777777" w:rsidR="00020201" w:rsidRPr="002717F7" w:rsidRDefault="00000000"/>
    <w:p w14:paraId="1BA47880" w14:textId="77777777" w:rsidR="00020201" w:rsidRPr="00B968E5" w:rsidRDefault="00FA74D9" w:rsidP="003F40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14:paraId="0FAF988D" w14:textId="77777777" w:rsidR="003F4054" w:rsidRPr="00B968E5" w:rsidRDefault="0000000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5E7C08BA" w14:textId="1F839E0D" w:rsidR="00020201" w:rsidRDefault="00FA74D9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r w:rsidR="00B11942" w:rsidRPr="00B11942">
        <w:rPr>
          <w:sz w:val="20"/>
          <w:szCs w:val="20"/>
        </w:rPr>
        <w:t xml:space="preserve">Baker &amp; McKenzie Advokatbyrå KB, Box 180, 101 23 Stockholm (ange "Extra bolagsstämma Pricer") </w:t>
      </w:r>
      <w:r w:rsidR="00DF0657">
        <w:rPr>
          <w:sz w:val="20"/>
          <w:szCs w:val="20"/>
        </w:rPr>
        <w:t xml:space="preserve">alternativt </w:t>
      </w:r>
      <w:r w:rsidR="00C04C8F" w:rsidRPr="00C04C8F">
        <w:rPr>
          <w:sz w:val="20"/>
          <w:szCs w:val="20"/>
        </w:rPr>
        <w:t>Melinda.Roos@bakermckenzie.com</w:t>
      </w:r>
      <w:r w:rsidR="005A7937" w:rsidRPr="00B968E5">
        <w:rPr>
          <w:sz w:val="20"/>
          <w:szCs w:val="20"/>
        </w:rPr>
        <w:t xml:space="preserve">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14:paraId="5767A78D" w14:textId="77777777" w:rsidR="00655D54" w:rsidRDefault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</w:p>
    <w:p w14:paraId="3E93C036" w14:textId="77777777" w:rsidR="00655D54" w:rsidRPr="00655D54" w:rsidRDefault="00655D54" w:rsidP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Hantering av personuppgifter </w:t>
      </w:r>
    </w:p>
    <w:p w14:paraId="4541B85A" w14:textId="0A5592D5" w:rsidR="00655D54" w:rsidRPr="002717F7" w:rsidRDefault="00655D54" w:rsidP="00655D54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4" w:color="auto"/>
        </w:pBdr>
        <w:rPr>
          <w:sz w:val="20"/>
          <w:szCs w:val="20"/>
        </w:rPr>
      </w:pPr>
      <w:r w:rsidRPr="00655D54">
        <w:rPr>
          <w:sz w:val="20"/>
          <w:szCs w:val="20"/>
        </w:rPr>
        <w:t>För information om hur dina personuppgifter behandlas hänvisas till den integritetspolicy som finns tillgänglig på Euroclear Sweden AB:s hemsida: www.euroclear.com/dam/ESw/Legal/Integritetspolicy-bolagsstammor</w:t>
      </w:r>
      <w:r w:rsidR="00DF0657">
        <w:rPr>
          <w:sz w:val="20"/>
          <w:szCs w:val="20"/>
        </w:rPr>
        <w:t>-</w:t>
      </w:r>
      <w:r w:rsidRPr="00655D54">
        <w:rPr>
          <w:sz w:val="20"/>
          <w:szCs w:val="20"/>
        </w:rPr>
        <w:t>svenska.pdf.</w:t>
      </w:r>
    </w:p>
    <w:sectPr w:rsidR="00655D54" w:rsidRPr="002717F7">
      <w:footerReference w:type="even" r:id="rId7"/>
      <w:footerReference w:type="default" r:id="rId8"/>
      <w:footerReference w:type="first" r:id="rId9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4E0E4874" w14:textId="77777777" w:rsidR="00E95F20" w:rsidRDefault="00E95F20">
      <w:r>
        <w:separator/>
      </w:r>
    </w:p>
  </w:endnote>
  <w:endnote w:type="continuationSeparator" w:id="0">
    <w:p w14:paraId="00930BBC" w14:textId="77777777" w:rsidR="00E95F20" w:rsidRDefault="00E95F2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F4E5C57" w14:textId="77777777" w:rsidR="00020201" w:rsidRDefault="00000000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04E08028" w14:textId="77777777">
      <w:tc>
        <w:tcPr>
          <w:tcW w:w="2000" w:type="pct"/>
          <w:vAlign w:val="bottom"/>
        </w:tcPr>
        <w:p w14:paraId="5C396CF7" w14:textId="77777777" w:rsidR="00020201" w:rsidRDefault="00FA74D9">
          <w:pPr>
            <w:pStyle w:val="Footer"/>
          </w:pPr>
          <w:r>
            <w:t>2011-12-30 15:25 (2K)</w:t>
          </w:r>
        </w:p>
        <w:p w14:paraId="22162722" w14:textId="77777777" w:rsidR="00020201" w:rsidRDefault="00FA74D9" w:rsidP="0009353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14:paraId="46E8104E" w14:textId="77777777" w:rsidR="00020201" w:rsidRDefault="00000000">
          <w:pPr>
            <w:pStyle w:val="WCPageNumber"/>
          </w:pPr>
        </w:p>
      </w:tc>
      <w:tc>
        <w:tcPr>
          <w:tcW w:w="2000" w:type="pct"/>
        </w:tcPr>
        <w:p w14:paraId="4FC648B7" w14:textId="77777777" w:rsidR="00020201" w:rsidRDefault="00000000">
          <w:pPr>
            <w:pStyle w:val="Footer"/>
            <w:jc w:val="right"/>
          </w:pPr>
        </w:p>
      </w:tc>
    </w:tr>
  </w:tbl>
  <w:p w14:paraId="33A132AF" w14:textId="77777777" w:rsidR="00020201" w:rsidRDefault="00000000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B480376" w14:textId="77777777" w:rsidR="00020201" w:rsidRDefault="00000000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4B24F9E1" w14:textId="77777777">
      <w:tc>
        <w:tcPr>
          <w:tcW w:w="2000" w:type="pct"/>
          <w:vAlign w:val="bottom"/>
        </w:tcPr>
        <w:p w14:paraId="34B99777" w14:textId="77777777" w:rsidR="00020201" w:rsidRDefault="00FA74D9">
          <w:pPr>
            <w:pStyle w:val="Footer"/>
          </w:pPr>
          <w:r>
            <w:t>2011-12-30 15:25 (2K)</w:t>
          </w:r>
        </w:p>
        <w:p w14:paraId="4EF482A7" w14:textId="77777777" w:rsidR="00020201" w:rsidRDefault="00FA74D9" w:rsidP="0009353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14:paraId="15451304" w14:textId="77777777" w:rsidR="00020201" w:rsidRDefault="00FA74D9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14:paraId="15F74BD5" w14:textId="77777777" w:rsidR="00020201" w:rsidRDefault="00000000">
          <w:pPr>
            <w:pStyle w:val="Footer"/>
            <w:jc w:val="right"/>
          </w:pPr>
        </w:p>
      </w:tc>
    </w:tr>
  </w:tbl>
  <w:p w14:paraId="6492FBDC" w14:textId="77777777" w:rsidR="00627517" w:rsidRDefault="00FA74D9">
    <w:pPr>
      <w:pStyle w:val="Footer"/>
      <w:rPr>
        <w:sz w:val="8"/>
      </w:rPr>
    </w:pPr>
    <w:r>
      <w:rPr>
        <w:sz w:val="8"/>
      </w:rPr>
      <w:t>1741917-v1\STODMS</w:t>
    </w:r>
  </w:p>
  <w:p w14:paraId="75D51FEE" w14:textId="77777777" w:rsidR="00020201" w:rsidRDefault="00627517" w:rsidP="0062751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621916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621916">
      <w:rPr>
        <w:sz w:val="14"/>
      </w:rPr>
      <w:instrText>2747901-v2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621916">
      <w:rPr>
        <w:noProof/>
        <w:sz w:val="14"/>
      </w:rPr>
      <w:t>2747901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666AF039" w14:textId="77777777">
      <w:tc>
        <w:tcPr>
          <w:tcW w:w="2000" w:type="pct"/>
          <w:vAlign w:val="bottom"/>
        </w:tcPr>
        <w:p w14:paraId="6A53302E" w14:textId="77777777" w:rsidR="00020201" w:rsidRDefault="00000000" w:rsidP="005627A0">
          <w:pPr>
            <w:pStyle w:val="Footer"/>
          </w:pPr>
        </w:p>
      </w:tc>
      <w:tc>
        <w:tcPr>
          <w:tcW w:w="1000" w:type="pct"/>
        </w:tcPr>
        <w:p w14:paraId="146C3705" w14:textId="77777777" w:rsidR="00020201" w:rsidRDefault="00000000">
          <w:pPr>
            <w:pStyle w:val="WCPageNumber"/>
          </w:pPr>
        </w:p>
      </w:tc>
      <w:tc>
        <w:tcPr>
          <w:tcW w:w="2000" w:type="pct"/>
        </w:tcPr>
        <w:p w14:paraId="16877A49" w14:textId="77777777" w:rsidR="00020201" w:rsidRDefault="00000000">
          <w:pPr>
            <w:pStyle w:val="Footer"/>
            <w:jc w:val="right"/>
          </w:pPr>
        </w:p>
      </w:tc>
    </w:tr>
  </w:tbl>
  <w:p w14:paraId="2F8EB345" w14:textId="77777777" w:rsidR="00627517" w:rsidRDefault="00627517">
    <w:pPr>
      <w:pStyle w:val="Footer"/>
      <w:rPr>
        <w:rFonts w:ascii="Arial" w:hAnsi="Arial" w:cs="Arial"/>
        <w:sz w:val="16"/>
        <w:szCs w:val="16"/>
      </w:rPr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C5EC5E3" w14:textId="77777777" w:rsidR="00E95F20" w:rsidRDefault="00E95F20">
      <w:r>
        <w:separator/>
      </w:r>
    </w:p>
  </w:footnote>
  <w:footnote w:type="continuationSeparator" w:id="0">
    <w:p w14:paraId="28125ED7" w14:textId="77777777" w:rsidR="00E95F20" w:rsidRDefault="00E95F20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755084984">
    <w:abstractNumId w:val="9"/>
  </w:num>
  <w:num w:numId="2" w16cid:durableId="1118985800">
    <w:abstractNumId w:val="7"/>
  </w:num>
  <w:num w:numId="3" w16cid:durableId="638732464">
    <w:abstractNumId w:val="6"/>
  </w:num>
  <w:num w:numId="4" w16cid:durableId="7223719">
    <w:abstractNumId w:val="5"/>
  </w:num>
  <w:num w:numId="5" w16cid:durableId="491215233">
    <w:abstractNumId w:val="4"/>
  </w:num>
  <w:num w:numId="6" w16cid:durableId="2007828028">
    <w:abstractNumId w:val="8"/>
  </w:num>
  <w:num w:numId="7" w16cid:durableId="420610696">
    <w:abstractNumId w:val="3"/>
  </w:num>
  <w:num w:numId="8" w16cid:durableId="1267038589">
    <w:abstractNumId w:val="2"/>
  </w:num>
  <w:num w:numId="9" w16cid:durableId="1915815612">
    <w:abstractNumId w:val="1"/>
  </w:num>
  <w:num w:numId="10" w16cid:durableId="242960368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04010"/>
    <w:rsid w:val="00030BFC"/>
    <w:rsid w:val="00062C5A"/>
    <w:rsid w:val="000A5968"/>
    <w:rsid w:val="001242AF"/>
    <w:rsid w:val="001637E0"/>
    <w:rsid w:val="002661AA"/>
    <w:rsid w:val="002F512D"/>
    <w:rsid w:val="00304010"/>
    <w:rsid w:val="00353C91"/>
    <w:rsid w:val="0039268D"/>
    <w:rsid w:val="003B722E"/>
    <w:rsid w:val="00494869"/>
    <w:rsid w:val="004A2169"/>
    <w:rsid w:val="004A253A"/>
    <w:rsid w:val="0051799A"/>
    <w:rsid w:val="005652B3"/>
    <w:rsid w:val="005A7937"/>
    <w:rsid w:val="005E3AC1"/>
    <w:rsid w:val="006065D5"/>
    <w:rsid w:val="00621916"/>
    <w:rsid w:val="00627517"/>
    <w:rsid w:val="00655D54"/>
    <w:rsid w:val="00691F48"/>
    <w:rsid w:val="006D193F"/>
    <w:rsid w:val="006D3CB7"/>
    <w:rsid w:val="006F40EA"/>
    <w:rsid w:val="0075473D"/>
    <w:rsid w:val="007C6ADD"/>
    <w:rsid w:val="00844A16"/>
    <w:rsid w:val="00862EFC"/>
    <w:rsid w:val="009969D0"/>
    <w:rsid w:val="009A6472"/>
    <w:rsid w:val="00A475ED"/>
    <w:rsid w:val="00A925BD"/>
    <w:rsid w:val="00AC3521"/>
    <w:rsid w:val="00AC4536"/>
    <w:rsid w:val="00AE34AF"/>
    <w:rsid w:val="00B11942"/>
    <w:rsid w:val="00B968E5"/>
    <w:rsid w:val="00BE3A4C"/>
    <w:rsid w:val="00C04C8F"/>
    <w:rsid w:val="00D10639"/>
    <w:rsid w:val="00DF0657"/>
    <w:rsid w:val="00E95F20"/>
    <w:rsid w:val="00EF0332"/>
    <w:rsid w:val="00FA74D9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50"/>
    <o:shapelayout v:ext="edit">
      <o:idmap v:ext="edit" data="2"/>
    </o:shapelayout>
  </w:shapeDefaults>
  <w:decimalSymbol w:val=","/>
  <w:listSeparator w:val=";"/>
  <w14:docId w14:val="6698D64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Pr>
      <w:sz w:val="24"/>
      <w:szCs w:val="24"/>
      <w:lang w:eastAsia="en-US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customStyle="1" w:styleId="Text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customStyle="1" w:styleId="WCPageNumber">
    <w:name w:val="WCPageNumber"/>
    <w:pPr>
      <w:jc w:val="center"/>
    </w:pPr>
    <w:rPr>
      <w:sz w:val="24"/>
      <w:lang w:val="en-US" w:eastAsia="en-US"/>
    </w:rPr>
  </w:style>
  <w:style w:type="paragraph" w:customStyle="1" w:styleId="BaseArial">
    <w:name w:val="BaseArial"/>
    <w:rPr>
      <w:rFonts w:ascii="Arial" w:hAnsi="Arial"/>
      <w:sz w:val="24"/>
      <w:lang w:eastAsia="en-US"/>
    </w:rPr>
  </w:style>
  <w:style w:type="paragraph" w:customStyle="1" w:styleId="BaseTimes">
    <w:name w:val="BaseTimes"/>
    <w:rPr>
      <w:sz w:val="24"/>
      <w:lang w:eastAsia="en-US"/>
    </w:rPr>
  </w:style>
  <w:style w:type="character" w:customStyle="1" w:styleId="CharBaseArial">
    <w:name w:val="CharBaseArial"/>
    <w:rPr>
      <w:rFonts w:ascii="Arial" w:hAnsi="Arial"/>
      <w:sz w:val="24"/>
      <w:lang w:val="sv-SE"/>
    </w:rPr>
  </w:style>
  <w:style w:type="character" w:customStyle="1" w:styleId="CharBaseTimes">
    <w:name w:val="CharBaseTimes"/>
    <w:rPr>
      <w:rFonts w:ascii="Times New Roman" w:hAnsi="Times New Roman"/>
      <w:sz w:val="24"/>
      <w:lang w:val="sv-SE"/>
    </w:rPr>
  </w:style>
  <w:style w:type="paragraph" w:customStyle="1" w:styleId="Rubrik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character" w:styleId="CommentReference">
    <w:name w:val="annotation reference"/>
    <w:basedOn w:val="DefaultParagraphFont"/>
    <w:semiHidden/>
    <w:unhideWhenUsed/>
    <w:rsid w:val="00AE34AF"/>
    <w:rPr>
      <w:sz w:val="16"/>
      <w:szCs w:val="16"/>
    </w:rPr>
  </w:style>
  <w:style w:type="paragraph" w:styleId="CommentText">
    <w:name w:val="annotation text"/>
    <w:basedOn w:val="Normal"/>
    <w:link w:val="CommentTextChar"/>
    <w:semiHidden/>
    <w:unhideWhenUsed/>
    <w:rsid w:val="00AE34AF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semiHidden/>
    <w:rsid w:val="00AE34AF"/>
    <w:rPr>
      <w:lang w:eastAsia="en-US"/>
    </w:rPr>
  </w:style>
  <w:style w:type="paragraph" w:styleId="CommentSubject">
    <w:name w:val="annotation subject"/>
    <w:basedOn w:val="CommentText"/>
    <w:next w:val="CommentText"/>
    <w:link w:val="CommentSubjectChar"/>
    <w:semiHidden/>
    <w:unhideWhenUsed/>
    <w:rsid w:val="00AE34AF"/>
    <w:rPr>
      <w:b/>
      <w:bCs/>
    </w:rPr>
  </w:style>
  <w:style w:type="character" w:customStyle="1" w:styleId="CommentSubjectChar">
    <w:name w:val="Comment Subject Char"/>
    <w:basedOn w:val="CommentTextChar"/>
    <w:link w:val="CommentSubject"/>
    <w:semiHidden/>
    <w:rsid w:val="00AE34AF"/>
    <w:rPr>
      <w:b/>
      <w:bCs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2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176</Words>
  <Characters>1338</Characters>
  <Application>Microsoft Office Word</Application>
  <DocSecurity>0</DocSecurity>
  <Lines>59</Lines>
  <Paragraphs>19</Paragraphs>
  <ScaleCrop>false</ScaleCrop>
  <LinksUpToDate>false</LinksUpToDate>
  <CharactersWithSpaces>149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23-06-29T18:12:00Z</dcterms:created>
  <dcterms:modified xsi:type="dcterms:W3CDTF">2023-06-29T18:12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GrammarlyDocumentId">
    <vt:lpwstr>a31a8912cf1ad8777d6f9d539c6b536ab4817a8bca72c5db33f8cfa47f1a6df7</vt:lpwstr>
  </property>
</Properties>
</file>